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showInkAnnotation="0" defaultThemeVersion="153222"/>
  <mc:AlternateContent xmlns:mc="http://schemas.openxmlformats.org/markup-compatibility/2006">
    <mc:Choice Requires="x15">
      <x15ac:absPath xmlns:x15ac="http://schemas.microsoft.com/office/spreadsheetml/2010/11/ac" url="Z:\eb-corpus\production\eb09\s07\"/>
    </mc:Choice>
  </mc:AlternateContent>
  <bookViews>
    <workbookView xWindow="0" yWindow="0" windowWidth="21570" windowHeight="9330"/>
  </bookViews>
  <sheets>
    <sheet name="s07" sheetId="3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4" uniqueCount="398">
  <si>
    <t>comments</t>
  </si>
  <si>
    <t>p-pg</t>
  </si>
  <si>
    <t>scan-by</t>
  </si>
  <si>
    <t>output-date</t>
  </si>
  <si>
    <t>image-fn.jp2</t>
  </si>
  <si>
    <t>notes-prd</t>
  </si>
  <si>
    <t>tei-fn.xml</t>
  </si>
  <si>
    <t>valid</t>
  </si>
  <si>
    <t>eb09-s07</t>
  </si>
  <si>
    <t>encyclopediabrit22newyrich_raw_0704</t>
  </si>
  <si>
    <t>encyclopediabrit22newyrich_raw_0705</t>
  </si>
  <si>
    <t>encyclopediabrit22newyrich_raw_0706</t>
  </si>
  <si>
    <t>encyclopediabrit22newyrich_raw_0707</t>
  </si>
  <si>
    <t>encyclopediabrit22newyrich_raw_0708</t>
  </si>
  <si>
    <t>encyclopediabrit22newyrich_raw_0709</t>
  </si>
  <si>
    <t>encyclopediabrit22newyrich_raw_0710</t>
  </si>
  <si>
    <t>encyclopediabrit22newyrich_raw_0711</t>
  </si>
  <si>
    <t>encyclopediabrit22newyrich_raw_0712</t>
  </si>
  <si>
    <t>encyclopediabrit22newyrich_raw_0713</t>
  </si>
  <si>
    <t>encyclopediabrit22newyrich_raw_0714</t>
  </si>
  <si>
    <t>encyclopediabrit22newyrich_raw_0715</t>
  </si>
  <si>
    <t>encyclopediabrit22newyrich_raw_0716</t>
  </si>
  <si>
    <t>encyclopediabrit22newyrich_raw_0717</t>
  </si>
  <si>
    <t>encyclopediabrit22newyrich_raw_0718</t>
  </si>
  <si>
    <t>encyclopediabrit22newyrich_raw_0719</t>
  </si>
  <si>
    <t>encyclopediabrit22newyrich_raw_0720</t>
  </si>
  <si>
    <t>encyclopediabrit22newyrich_raw_0721</t>
  </si>
  <si>
    <t>encyclopediabrit22newyrich_raw_0722</t>
  </si>
  <si>
    <t>encyclopediabrit22newyrich_raw_0723</t>
  </si>
  <si>
    <t>encyclopediabrit22newyrich_raw_0724</t>
  </si>
  <si>
    <t>encyclopediabrit22newyrich_raw_0725</t>
  </si>
  <si>
    <t>encyclopediabrit22newyrich_raw_0726</t>
  </si>
  <si>
    <t>encyclopediabrit22newyrich_raw_0727</t>
  </si>
  <si>
    <t>encyclopediabrit22newyrich_raw_0728</t>
  </si>
  <si>
    <t>encyclopediabrit22newyrich_raw_0729</t>
  </si>
  <si>
    <t>encyclopediabrit22newyrich_raw_0730</t>
  </si>
  <si>
    <t>encyclopediabrit22newyrich_raw_0731</t>
  </si>
  <si>
    <t>encyclopediabrit22newyrich_raw_0732</t>
  </si>
  <si>
    <t>encyclopediabrit22newyrich_raw_0733</t>
  </si>
  <si>
    <t>encyclopediabrit22newyrich_raw_0734</t>
  </si>
  <si>
    <t>encyclopediabrit22newyrich_raw_0735</t>
  </si>
  <si>
    <t>encyclopediabrit22newyrich_raw_0736</t>
  </si>
  <si>
    <t>encyclopediabrit22newyrich_raw_0737</t>
  </si>
  <si>
    <t>encyclopediabrit22newyrich_raw_0738</t>
  </si>
  <si>
    <t>encyclopediabrit22newyrich_raw_0739</t>
  </si>
  <si>
    <t>encyclopediabrit22newyrich_raw_0740</t>
  </si>
  <si>
    <t>encyclopediabrit22newyrich_raw_0741</t>
  </si>
  <si>
    <t>encyclopediabrit22newyrich_raw_0742</t>
  </si>
  <si>
    <t>encyclopediabrit22newyrich_raw_0743</t>
  </si>
  <si>
    <t>encyclopediabrit22newyrich_raw_0744</t>
  </si>
  <si>
    <t>encyclopediabrit22newyrich_raw_0745</t>
  </si>
  <si>
    <t>encyclopediabrit22newyrich_raw_0746</t>
  </si>
  <si>
    <t>encyclopediabrit22newyrich_raw_0747</t>
  </si>
  <si>
    <t>encyclopediabrit22newyrich_raw_0748</t>
  </si>
  <si>
    <t>encyclopediabrit22newyrich_raw_0749</t>
  </si>
  <si>
    <t>encyclopediabrit22newyrich_raw_0750</t>
  </si>
  <si>
    <t>encyclopediabrit22newyrich_raw_0751</t>
  </si>
  <si>
    <t>encyclopediabrit22newyrich_raw_0752</t>
  </si>
  <si>
    <t>encyclopediabrit22newyrich_raw_0753</t>
  </si>
  <si>
    <t>encyclopediabrit22newyrich_raw_0754</t>
  </si>
  <si>
    <t>encyclopediabrit22newyrich_raw_0755</t>
  </si>
  <si>
    <t>encyclopediabrit22newyrich_raw_0756</t>
  </si>
  <si>
    <t>encyclopediabrit22newyrich_raw_0757</t>
  </si>
  <si>
    <t>encyclopediabrit22newyrich_raw_0758</t>
  </si>
  <si>
    <t>encyclopediabrit22newyrich_raw_0759</t>
  </si>
  <si>
    <t>encyclopediabrit22newyrich_raw_0760</t>
  </si>
  <si>
    <t>encyclopediabrit22newyrich_raw_0761</t>
  </si>
  <si>
    <t>encyclopediabrit22newyrich_raw_0762</t>
  </si>
  <si>
    <t>encyclopediabrit22newyrich_raw_0763</t>
  </si>
  <si>
    <t>encyclopediabrit22newyrich_raw_0764</t>
  </si>
  <si>
    <t>encyclopediabrit22newyrich_raw_0765</t>
  </si>
  <si>
    <t>encyclopediabrit22newyrich_raw_0766</t>
  </si>
  <si>
    <t>encyclopediabrit22newyrich_raw_0767</t>
  </si>
  <si>
    <t>encyclopediabrit22newyrich_raw_0768</t>
  </si>
  <si>
    <t>encyclopediabrit22newyrich_raw_0769</t>
  </si>
  <si>
    <t>encyclopediabrit22newyrich_raw_0770</t>
  </si>
  <si>
    <t>encyclopediabrit22newyrich_raw_0771</t>
  </si>
  <si>
    <t>encyclopediabrit22newyrich_raw_0772</t>
  </si>
  <si>
    <t>encyclopediabrit22newyrich_raw_0773</t>
  </si>
  <si>
    <t>encyclopediabrit22newyrich_raw_0774</t>
  </si>
  <si>
    <t>encyclopediabrit22newyrich_raw_0775</t>
  </si>
  <si>
    <t>encyclopediabrit22newyrich_raw_0776</t>
  </si>
  <si>
    <t>encyclopediabrit22newyrich_raw_0777</t>
  </si>
  <si>
    <t>encyclopediabrit22newyrich_raw_0778</t>
  </si>
  <si>
    <t>encyclopediabrit22newyrich_raw_0779</t>
  </si>
  <si>
    <t>encyclopediabrit22newyrich_raw_0780</t>
  </si>
  <si>
    <t>encyclopediabrit22newyrich_raw_0781</t>
  </si>
  <si>
    <t>encyclopediabrit22newyrich_raw_0782</t>
  </si>
  <si>
    <t>encyclopediabrit22newyrich_raw_0783</t>
  </si>
  <si>
    <t>encyclopediabrit22newyrich_raw_0784</t>
  </si>
  <si>
    <t>encyclopediabrit22newyrich_raw_0785</t>
  </si>
  <si>
    <t>encyclopediabrit22newyrich_raw_0786</t>
  </si>
  <si>
    <t>encyclopediabrit22newyrich_raw_0787</t>
  </si>
  <si>
    <t>encyclopediabrit22newyrich_raw_0788</t>
  </si>
  <si>
    <t>encyclopediabrit22newyrich_raw_0789</t>
  </si>
  <si>
    <t>encyclopediabrit22newyrich_raw_0790</t>
  </si>
  <si>
    <t>encyclopediabrit22newyrich_raw_0791</t>
  </si>
  <si>
    <t>encyclopediabrit22newyrich_raw_0792</t>
  </si>
  <si>
    <t>encyclopediabrit22newyrich_raw_0793</t>
  </si>
  <si>
    <t>encyclopediabrit22newyrich_raw_0794</t>
  </si>
  <si>
    <t>encyclopediabrit22newyrich_raw_0795</t>
  </si>
  <si>
    <t>encyclopediabrit22newyrich_raw_0796</t>
  </si>
  <si>
    <t>encyclopediabrit22newyrich_raw_0797</t>
  </si>
  <si>
    <t>encyclopediabrit22newyrich_raw_0798</t>
  </si>
  <si>
    <t>encyclopediabrit22newyrich_raw_0799</t>
  </si>
  <si>
    <t>encyclopediabrit22newyrich_raw_0800</t>
  </si>
  <si>
    <t>encyclopediabrit22newyrich_raw_0801</t>
  </si>
  <si>
    <t>encyclopediabrit22newyrich_raw_0802</t>
  </si>
  <si>
    <t>encyclopediabrit22newyrich_raw_0803</t>
  </si>
  <si>
    <t>encyclopediabrit22newyrich_raw_0804</t>
  </si>
  <si>
    <t>encyclopediabrit22newyrich_raw_0805</t>
  </si>
  <si>
    <t>encyclopediabrit22newyrich_raw_0806</t>
  </si>
  <si>
    <t>encyclopediabrit22newyrich_raw_0807</t>
  </si>
  <si>
    <t>encyclopediabrit22newyrich_raw_0808</t>
  </si>
  <si>
    <t>encyclopediabrit22newyrich_raw_0809</t>
  </si>
  <si>
    <t>encyclopediabrit22newyrich_raw_0810</t>
  </si>
  <si>
    <t>encyclopediabrit22newyrich_raw_0811</t>
  </si>
  <si>
    <t>encyclopediabrit22newyrich_raw_0812</t>
  </si>
  <si>
    <t>encyclopediabrit22newyrich_raw_0813</t>
  </si>
  <si>
    <t>encyclopediabrit22newyrich_raw_0814</t>
  </si>
  <si>
    <t>encyclopediabrit22newyrich_raw_0815</t>
  </si>
  <si>
    <t>encyclopediabrit22newyrich_raw_0816</t>
  </si>
  <si>
    <t>encyclopediabrit22newyrich_raw_0817</t>
  </si>
  <si>
    <t>encyclopediabrit22newyrich_raw_0818</t>
  </si>
  <si>
    <t>encyclopediabrit22newyrich_raw_0819</t>
  </si>
  <si>
    <t>encyclopediabrit22newyrich_raw_0820</t>
  </si>
  <si>
    <t>encyclopediabrit22newyrich_raw_0821</t>
  </si>
  <si>
    <t>encyclopediabrit22newyrich_raw_0822</t>
  </si>
  <si>
    <t>encyclopediabrit22newyrich_raw_0823</t>
  </si>
  <si>
    <t>encyclopediabrit22newyrich_raw_0824</t>
  </si>
  <si>
    <t>encyclopediabrit22newyrich_raw_0825</t>
  </si>
  <si>
    <t>encyclopediabrit22newyrich_raw_0826</t>
  </si>
  <si>
    <t>encyclopediabrit22newyrich_raw_0827</t>
  </si>
  <si>
    <t>encyclopediabrit22newyrich_raw_0828</t>
  </si>
  <si>
    <t>encyclopediabrit22newyrich_raw_0829</t>
  </si>
  <si>
    <t>encyclopediabrit22newyrich_raw_0830</t>
  </si>
  <si>
    <t>encyclopediabrit22newyrich_raw_0831</t>
  </si>
  <si>
    <t>encyclopediabrit22newyrich_raw_0832</t>
  </si>
  <si>
    <t>encyclopediabrit22newyrich_raw_0833</t>
  </si>
  <si>
    <t>encyclopediabrit22newyrich_raw_0834</t>
  </si>
  <si>
    <t>encyclopediabrit22newyrich_raw_0835</t>
  </si>
  <si>
    <t>encyclopediabrit22newyrich_raw_0836</t>
  </si>
  <si>
    <t>encyclopediabrit22newyrich_raw_0837</t>
  </si>
  <si>
    <t>encyclopediabrit22newyrich_raw_0838</t>
  </si>
  <si>
    <t>encyclopediabrit22newyrich_raw_0839</t>
  </si>
  <si>
    <t>encyclopediabrit22newyrich_raw_0840</t>
  </si>
  <si>
    <t>encyclopediabrit22newyrich_raw_0841</t>
  </si>
  <si>
    <t>encyclopediabrit22newyrich_raw_0842</t>
  </si>
  <si>
    <t>encyclopediabrit22newyrich_raw_0843</t>
  </si>
  <si>
    <t>encyclopediabrit22newyrich_raw_0844</t>
  </si>
  <si>
    <t>encyclopediabrit22newyrich_raw_0845</t>
  </si>
  <si>
    <t>encyclopediabrit22newyrich_raw_0846</t>
  </si>
  <si>
    <t>encyclopediabrit22newyrich_raw_0847</t>
  </si>
  <si>
    <t>encyclopediabrit22newyrich_raw_0848</t>
  </si>
  <si>
    <t>encyclopediabrit22newyrich_raw_0849</t>
  </si>
  <si>
    <t>encyclopediabrit22newyrich_raw_0850</t>
  </si>
  <si>
    <t>encyclopediabrit22newyrich_raw_0851</t>
  </si>
  <si>
    <t>encyclopediabrit22newyrich_raw_0852</t>
  </si>
  <si>
    <t>encyclopediabrit22newyrich_raw_0853</t>
  </si>
  <si>
    <t>encyclopediabrit22newyrich_raw_0854</t>
  </si>
  <si>
    <t>encyclopediabrit22newyrich_raw_0855</t>
  </si>
  <si>
    <t>encyclopediabrit22newyrich_raw_0856</t>
  </si>
  <si>
    <t>encyclopediabrit22newyrich_raw_0857</t>
  </si>
  <si>
    <t>encyclopediabrit22newyrich_raw_0858</t>
  </si>
  <si>
    <t>encyclopediabrit22newyrich_raw_0859</t>
  </si>
  <si>
    <t>encyclopediabrit22newyrich_raw_0860</t>
  </si>
  <si>
    <t>encyclopediabrit22newyrich_raw_0861</t>
  </si>
  <si>
    <t>encyclopediabrit22newyrich_raw_0862</t>
  </si>
  <si>
    <t>encyclopediabrit22newyrich_raw_0863</t>
  </si>
  <si>
    <t>encyclopediabrit22newyrich_raw_0864</t>
  </si>
  <si>
    <t>encyclopediabrit22newyrich_raw_0865</t>
  </si>
  <si>
    <t>encyclopediabrit22newyrich_raw_0866</t>
  </si>
  <si>
    <t>encyclopediabrit22newyrich_raw_0867</t>
  </si>
  <si>
    <t>encyclopediabrit22newyrich_raw_0868</t>
  </si>
  <si>
    <t>encyclopediabrit22newyrich_raw_0869</t>
  </si>
  <si>
    <t>encyclopediabrit22newyrich_raw_0870</t>
  </si>
  <si>
    <t>encyclopediabrit22newyrich_raw_0871</t>
  </si>
  <si>
    <t>encyclopediabrit22newyrich_raw_0872</t>
  </si>
  <si>
    <t>encyclopediabrit22newyrich_raw_0873</t>
  </si>
  <si>
    <t>encyclopediabrit22newyrich_raw_0874</t>
  </si>
  <si>
    <t>encyclopediabrit22newyrich_raw_0875</t>
  </si>
  <si>
    <t>encyclopediabrit22newyrich_raw_0876</t>
  </si>
  <si>
    <t>encyclopediabrit22newyrich_raw_0877</t>
  </si>
  <si>
    <t>encyclopediabrit22newyrich_raw_0878</t>
  </si>
  <si>
    <t>encyclopediabrit22newyrich_raw_0879</t>
  </si>
  <si>
    <t>encyclopediabrit22newyrich_raw_0880</t>
  </si>
  <si>
    <t>encyclopediabrit22newyrich_raw_0881</t>
  </si>
  <si>
    <t>encyclopediabrit22newyrich_raw_0882</t>
  </si>
  <si>
    <t>encyclopediabrit22newyrich_raw_0883</t>
  </si>
  <si>
    <t>encyclopediabrit22newyrich_raw_0884</t>
  </si>
  <si>
    <t>encyclopediabrit22newyrich_raw_0885</t>
  </si>
  <si>
    <t>encyclopediabrit22newyrich_raw_0886</t>
  </si>
  <si>
    <t>encyclopediabrit22newyrich_raw_0887</t>
  </si>
  <si>
    <t>encyclopediabrit22newyrich_raw_0888</t>
  </si>
  <si>
    <t>encyclopediabrit22newyrich_raw_0889</t>
  </si>
  <si>
    <t>encyclopediabrit22newyrich_raw_0890</t>
  </si>
  <si>
    <t>encyclopediabrit22newyrich_raw_0891</t>
  </si>
  <si>
    <t>encyclopediabrit22newyrich_raw_0892</t>
  </si>
  <si>
    <t>blank</t>
  </si>
  <si>
    <t>plate</t>
  </si>
  <si>
    <t>p-vol</t>
  </si>
  <si>
    <t>tg</t>
  </si>
  <si>
    <t>Runover footnote from pg 689</t>
  </si>
  <si>
    <t>Runover footnote into pg 690</t>
  </si>
  <si>
    <t>Complex formula</t>
  </si>
  <si>
    <t>Complex formulas</t>
  </si>
  <si>
    <t>Index</t>
  </si>
  <si>
    <t>Reference to footnote 1 is paired with illustration; footnote "2" changed to "1" and footnote 1 temporarily omitted</t>
  </si>
  <si>
    <t>Greek</t>
  </si>
  <si>
    <t>Syriac</t>
  </si>
  <si>
    <t>Syriac, Hebrew</t>
  </si>
  <si>
    <t>Runover footnote into pg 834</t>
  </si>
  <si>
    <t>Syriac; Runover footnote into pg 836</t>
  </si>
  <si>
    <t>Syriac; Runover footnote from pg 835</t>
  </si>
  <si>
    <t>Greek; Runover footnote from pg 833</t>
  </si>
  <si>
    <t>eb09-s07-0001</t>
  </si>
  <si>
    <t>eb09-s07-0002</t>
  </si>
  <si>
    <t>eb09-s07-0003</t>
  </si>
  <si>
    <t>eb09-s07-0004</t>
  </si>
  <si>
    <t>eb09-s07-0005</t>
  </si>
  <si>
    <t>eb09-s07-0006</t>
  </si>
  <si>
    <t>eb09-s07-0007</t>
  </si>
  <si>
    <t>eb09-s07-0008</t>
  </si>
  <si>
    <t>eb09-s07-0009</t>
  </si>
  <si>
    <t>eb09-s07-0010</t>
  </si>
  <si>
    <t>eb09-s07-0011</t>
  </si>
  <si>
    <t>eb09-s07-0012</t>
  </si>
  <si>
    <t>eb09-s07-0013</t>
  </si>
  <si>
    <t>eb09-s07-0014</t>
  </si>
  <si>
    <t>eb09-s07-0015</t>
  </si>
  <si>
    <t>eb09-s07-0016</t>
  </si>
  <si>
    <t>eb09-s07-0017</t>
  </si>
  <si>
    <t>eb09-s07-0018</t>
  </si>
  <si>
    <t>eb09-s07-0019</t>
  </si>
  <si>
    <t>eb09-s07-0020</t>
  </si>
  <si>
    <t>eb09-s07-0021</t>
  </si>
  <si>
    <t>eb09-s07-0022</t>
  </si>
  <si>
    <t>eb09-s07-0023</t>
  </si>
  <si>
    <t>eb09-s07-0024</t>
  </si>
  <si>
    <t>eb09-s07-0025</t>
  </si>
  <si>
    <t>eb09-s07-0026</t>
  </si>
  <si>
    <t>eb09-s07-0027</t>
  </si>
  <si>
    <t>eb09-s07-0028</t>
  </si>
  <si>
    <t>eb09-s07-0029</t>
  </si>
  <si>
    <t>eb09-s07-0030</t>
  </si>
  <si>
    <t>eb09-s07-0031</t>
  </si>
  <si>
    <t>eb09-s07-0032</t>
  </si>
  <si>
    <t>eb09-s07-0033</t>
  </si>
  <si>
    <t>eb09-s07-0034</t>
  </si>
  <si>
    <t>eb09-s07-0035</t>
  </si>
  <si>
    <t>eb09-s07-0036</t>
  </si>
  <si>
    <t>eb09-s07-0037</t>
  </si>
  <si>
    <t>eb09-s07-0038</t>
  </si>
  <si>
    <t>eb09-s07-0039</t>
  </si>
  <si>
    <t>eb09-s07-0040</t>
  </si>
  <si>
    <t>eb09-s07-0041</t>
  </si>
  <si>
    <t>eb09-s07-0042</t>
  </si>
  <si>
    <t>eb09-s07-0043</t>
  </si>
  <si>
    <t>eb09-s07-0044</t>
  </si>
  <si>
    <t>eb09-s07-0045</t>
  </si>
  <si>
    <t>eb09-s07-0046</t>
  </si>
  <si>
    <t>eb09-s07-0047</t>
  </si>
  <si>
    <t>eb09-s07-0048</t>
  </si>
  <si>
    <t>eb09-s07-0049</t>
  </si>
  <si>
    <t>eb09-s07-0050</t>
  </si>
  <si>
    <t>eb09-s07-0051</t>
  </si>
  <si>
    <t>eb09-s07-0052</t>
  </si>
  <si>
    <t>eb09-s07-0053</t>
  </si>
  <si>
    <t>eb09-s07-0054</t>
  </si>
  <si>
    <t>eb09-s07-0055</t>
  </si>
  <si>
    <t>eb09-s07-0056</t>
  </si>
  <si>
    <t>eb09-s07-0057</t>
  </si>
  <si>
    <t>eb09-s07-0058</t>
  </si>
  <si>
    <t>eb09-s07-0059</t>
  </si>
  <si>
    <t>eb09-s07-0060</t>
  </si>
  <si>
    <t>eb09-s07-0061</t>
  </si>
  <si>
    <t>eb09-s07-0062</t>
  </si>
  <si>
    <t>eb09-s07-0063</t>
  </si>
  <si>
    <t>eb09-s07-0064</t>
  </si>
  <si>
    <t>eb09-s07-0065</t>
  </si>
  <si>
    <t>eb09-s07-0066</t>
  </si>
  <si>
    <t>eb09-s07-0067</t>
  </si>
  <si>
    <t>eb09-s07-0068</t>
  </si>
  <si>
    <t>eb09-s07-0069</t>
  </si>
  <si>
    <t>eb09-s07-0070</t>
  </si>
  <si>
    <t>eb09-s07-0071</t>
  </si>
  <si>
    <t>eb09-s07-0072</t>
  </si>
  <si>
    <t>eb09-s07-0073</t>
  </si>
  <si>
    <t>eb09-s07-0074</t>
  </si>
  <si>
    <t>eb09-s07-0075</t>
  </si>
  <si>
    <t>eb09-s07-0076</t>
  </si>
  <si>
    <t>eb09-s07-0077</t>
  </si>
  <si>
    <t>eb09-s07-0078</t>
  </si>
  <si>
    <t>eb09-s07-0079</t>
  </si>
  <si>
    <t>eb09-s07-0080</t>
  </si>
  <si>
    <t>eb09-s07-0081</t>
  </si>
  <si>
    <t>eb09-s07-0082</t>
  </si>
  <si>
    <t>eb09-s07-0083</t>
  </si>
  <si>
    <t>eb09-s07-0084</t>
  </si>
  <si>
    <t>eb09-s07-0085</t>
  </si>
  <si>
    <t>eb09-s07-0086</t>
  </si>
  <si>
    <t>eb09-s07-0087</t>
  </si>
  <si>
    <t>eb09-s07-0088</t>
  </si>
  <si>
    <t>eb09-s07-0089</t>
  </si>
  <si>
    <t>eb09-s07-0090</t>
  </si>
  <si>
    <t>eb09-s07-0091</t>
  </si>
  <si>
    <t>eb09-s07-0092</t>
  </si>
  <si>
    <t>eb09-s07-0093</t>
  </si>
  <si>
    <t>eb09-s07-0094</t>
  </si>
  <si>
    <t>eb09-s07-0095</t>
  </si>
  <si>
    <t>eb09-s07-0096</t>
  </si>
  <si>
    <t>eb09-s07-0097</t>
  </si>
  <si>
    <t>eb09-s07-0098</t>
  </si>
  <si>
    <t>eb09-s07-0099</t>
  </si>
  <si>
    <t>eb09-s07-0100</t>
  </si>
  <si>
    <t>eb09-s07-0101</t>
  </si>
  <si>
    <t>eb09-s07-0102</t>
  </si>
  <si>
    <t>eb09-s07-0103</t>
  </si>
  <si>
    <t>eb09-s07-0104</t>
  </si>
  <si>
    <t>eb09-s07-0105</t>
  </si>
  <si>
    <t>eb09-s07-0106</t>
  </si>
  <si>
    <t>eb09-s07-0107</t>
  </si>
  <si>
    <t>eb09-s07-0108</t>
  </si>
  <si>
    <t>eb09-s07-0109</t>
  </si>
  <si>
    <t>eb09-s07-0110</t>
  </si>
  <si>
    <t>eb09-s07-0111</t>
  </si>
  <si>
    <t>eb09-s07-0112</t>
  </si>
  <si>
    <t>eb09-s07-0113</t>
  </si>
  <si>
    <t>eb09-s07-0114</t>
  </si>
  <si>
    <t>eb09-s07-0115</t>
  </si>
  <si>
    <t>eb09-s07-0116</t>
  </si>
  <si>
    <t>eb09-s07-0117</t>
  </si>
  <si>
    <t>eb09-s07-0118</t>
  </si>
  <si>
    <t>eb09-s07-0119</t>
  </si>
  <si>
    <t>eb09-s07-0120</t>
  </si>
  <si>
    <t>eb09-s07-0121</t>
  </si>
  <si>
    <t>eb09-s07-0122</t>
  </si>
  <si>
    <t>eb09-s07-0123</t>
  </si>
  <si>
    <t>eb09-s07-0124</t>
  </si>
  <si>
    <t>eb09-s07-0125</t>
  </si>
  <si>
    <t>eb09-s07-0126</t>
  </si>
  <si>
    <t>eb09-s07-0127</t>
  </si>
  <si>
    <t>eb09-s07-0128</t>
  </si>
  <si>
    <t>eb09-s07-0129</t>
  </si>
  <si>
    <t>eb09-s07-0130</t>
  </si>
  <si>
    <t>eb09-s07-0131</t>
  </si>
  <si>
    <t>eb09-s07-0132</t>
  </si>
  <si>
    <t>eb09-s07-0133</t>
  </si>
  <si>
    <t>eb09-s07-0134</t>
  </si>
  <si>
    <t>eb09-s07-0135</t>
  </si>
  <si>
    <t>eb09-s07-0136</t>
  </si>
  <si>
    <t>eb09-s07-0137</t>
  </si>
  <si>
    <t>eb09-s07-0138</t>
  </si>
  <si>
    <t>eb09-s07-0139</t>
  </si>
  <si>
    <t>eb09-s07-0140</t>
  </si>
  <si>
    <t>eb09-s07-0141</t>
  </si>
  <si>
    <t>eb09-s07-0142</t>
  </si>
  <si>
    <t>eb09-s07-0143</t>
  </si>
  <si>
    <t>eb09-s07-0144</t>
  </si>
  <si>
    <t>eb09-s07-0145</t>
  </si>
  <si>
    <t>eb09-s07-0146</t>
  </si>
  <si>
    <t>eb09-s07-0147</t>
  </si>
  <si>
    <t>eb09-s07-0148</t>
  </si>
  <si>
    <t>eb09-s07-0149</t>
  </si>
  <si>
    <t>eb09-s07-0150</t>
  </si>
  <si>
    <t>eb09-s07-0151</t>
  </si>
  <si>
    <t>eb09-s07-0152</t>
  </si>
  <si>
    <t>eb09-s07-0153</t>
  </si>
  <si>
    <t>eb09-s07-0154</t>
  </si>
  <si>
    <t>eb09-s07-0155</t>
  </si>
  <si>
    <t>eb09-s07-0156</t>
  </si>
  <si>
    <t>eb09-s07-0157</t>
  </si>
  <si>
    <t>eb09-s07-0158</t>
  </si>
  <si>
    <t>eb09-s07-0159</t>
  </si>
  <si>
    <t>eb09-s07-0160</t>
  </si>
  <si>
    <t>eb09-s07-0161</t>
  </si>
  <si>
    <t>eb09-s07-0162</t>
  </si>
  <si>
    <t>eb09-s07-0163</t>
  </si>
  <si>
    <t>eb09-s07-0164</t>
  </si>
  <si>
    <t>eb09-s07-0165</t>
  </si>
  <si>
    <t>eb09-s07-0166</t>
  </si>
  <si>
    <t>eb09-s07-0167</t>
  </si>
  <si>
    <t>eb09-s07-0168</t>
  </si>
  <si>
    <t>eb09-s07-0169</t>
  </si>
  <si>
    <t>eb09-s07-0170</t>
  </si>
  <si>
    <t>eb09-s07-0171</t>
  </si>
  <si>
    <t>eb09-s07-0172</t>
  </si>
  <si>
    <t>eb09-s07-0173</t>
  </si>
  <si>
    <t>eb09-s07-0174</t>
  </si>
  <si>
    <t>eb09-s07-0175</t>
  </si>
  <si>
    <t>eb09-s07-0176</t>
  </si>
  <si>
    <t>eb09-s07-0177</t>
  </si>
  <si>
    <t>eb09-s07-0178</t>
  </si>
  <si>
    <t>eb09-s07-0179</t>
  </si>
  <si>
    <t>eb09-s07-0180</t>
  </si>
  <si>
    <t>eb09-s07-0181</t>
  </si>
  <si>
    <t>Text notating end of volume and publishing info (not sure whether to include)</t>
  </si>
  <si>
    <t>output-fn.doc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mm/dd/yy;@"/>
  </numFmts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4">
    <xf numFmtId="0" fontId="0" fillId="0" borderId="0" xfId="0"/>
    <xf numFmtId="0" fontId="0" fillId="0" borderId="0" xfId="0" applyAlignment="1">
      <alignment horizontal="left"/>
    </xf>
    <xf numFmtId="0" fontId="0" fillId="0" borderId="0" xfId="0" applyAlignment="1">
      <alignment horizontal="left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/>
    </xf>
    <xf numFmtId="0" fontId="0" fillId="0" borderId="0" xfId="0" applyAlignment="1">
      <alignment horizontal="center"/>
    </xf>
    <xf numFmtId="14" fontId="0" fillId="0" borderId="0" xfId="0" applyNumberFormat="1" applyAlignment="1">
      <alignment horizontal="center"/>
    </xf>
    <xf numFmtId="0" fontId="1" fillId="0" borderId="0" xfId="0" applyFont="1" applyFill="1" applyAlignment="1">
      <alignment horizontal="center"/>
    </xf>
    <xf numFmtId="164" fontId="1" fillId="0" borderId="0" xfId="0" applyNumberFormat="1" applyFont="1" applyAlignment="1">
      <alignment horizontal="center"/>
    </xf>
    <xf numFmtId="164" fontId="1" fillId="0" borderId="0" xfId="0" applyNumberFormat="1" applyFont="1" applyFill="1" applyAlignment="1">
      <alignment horizontal="center"/>
    </xf>
    <xf numFmtId="0" fontId="0" fillId="0" borderId="0" xfId="0" applyFill="1" applyAlignment="1">
      <alignment horizontal="center"/>
    </xf>
    <xf numFmtId="14" fontId="0" fillId="0" borderId="0" xfId="0" applyNumberFormat="1" applyFill="1" applyAlignment="1">
      <alignment horizontal="center"/>
    </xf>
    <xf numFmtId="0" fontId="0" fillId="0" borderId="0" xfId="0" applyAlignment="1">
      <alignment horizont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07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nju Bae</dc:creator>
  <cp:lastModifiedBy>Peter Logan</cp:lastModifiedBy>
  <dcterms:created xsi:type="dcterms:W3CDTF">2016-05-12T16:11:50Z</dcterms:created>
  <dcterms:modified xsi:type="dcterms:W3CDTF">2019-03-26T21:12:32Z</dcterms:modified>
</cp:coreProperties>
</file>